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BEF6AC5" w14:textId="31CDAA31" w:rsidR="00BF77DB" w:rsidRDefault="00525D03">
      <w:r>
        <w:rPr>
          <w:noProof/>
        </w:rPr>
        <w:drawing>
          <wp:inline distT="0" distB="0" distL="0" distR="0" wp14:anchorId="2C09FB4C" wp14:editId="5D76CE1A">
            <wp:extent cx="5760720" cy="4341495"/>
            <wp:effectExtent l="0" t="0" r="0" b="1905"/>
            <wp:docPr id="1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3414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</w:p>
    <w:p w14:paraId="3A06DF1C" w14:textId="16CDAE3C" w:rsidR="00525D03" w:rsidRDefault="00525D03">
      <w:r>
        <w:rPr>
          <w:noProof/>
        </w:rPr>
        <w:drawing>
          <wp:inline distT="0" distB="0" distL="0" distR="0" wp14:anchorId="2CA271EF" wp14:editId="1D851D9C">
            <wp:extent cx="5760720" cy="4304665"/>
            <wp:effectExtent l="0" t="0" r="0" b="635"/>
            <wp:docPr id="2" name="Imag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3046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BA1EEFD" w14:textId="683915CF" w:rsidR="00525D03" w:rsidRDefault="00525D03">
      <w:r>
        <w:rPr>
          <w:noProof/>
        </w:rPr>
        <w:lastRenderedPageBreak/>
        <w:drawing>
          <wp:inline distT="0" distB="0" distL="0" distR="0" wp14:anchorId="63218E04" wp14:editId="33874A45">
            <wp:extent cx="5760720" cy="4334510"/>
            <wp:effectExtent l="0" t="0" r="0" b="8890"/>
            <wp:docPr id="3" name="Imag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3345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10682F5" w14:textId="59185D34" w:rsidR="00525D03" w:rsidRDefault="00525D03">
      <w:r>
        <w:rPr>
          <w:noProof/>
        </w:rPr>
        <w:drawing>
          <wp:inline distT="0" distB="0" distL="0" distR="0" wp14:anchorId="19E4CEDB" wp14:editId="4B5A0FAE">
            <wp:extent cx="5760720" cy="4318000"/>
            <wp:effectExtent l="0" t="0" r="0" b="6350"/>
            <wp:docPr id="4" name="Imag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318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6BC6950" w14:textId="1BB518B1" w:rsidR="00525D03" w:rsidRDefault="00525D03">
      <w:r>
        <w:rPr>
          <w:noProof/>
        </w:rPr>
        <w:lastRenderedPageBreak/>
        <w:drawing>
          <wp:inline distT="0" distB="0" distL="0" distR="0" wp14:anchorId="2D390AE5" wp14:editId="3E8F54CD">
            <wp:extent cx="5760720" cy="4265295"/>
            <wp:effectExtent l="0" t="0" r="0" b="1905"/>
            <wp:docPr id="5" name="Imag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2652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D8110A6" w14:textId="37CB93CC" w:rsidR="00525D03" w:rsidRDefault="00525D03">
      <w:r>
        <w:rPr>
          <w:noProof/>
        </w:rPr>
        <w:drawing>
          <wp:inline distT="0" distB="0" distL="0" distR="0" wp14:anchorId="3F133F17" wp14:editId="7C1B20F0">
            <wp:extent cx="5760720" cy="4265930"/>
            <wp:effectExtent l="0" t="0" r="0" b="1270"/>
            <wp:docPr id="6" name="Imag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2659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7F1C637" w14:textId="05DA1FF0" w:rsidR="00525D03" w:rsidRDefault="00525D03">
      <w:r>
        <w:rPr>
          <w:noProof/>
        </w:rPr>
        <w:lastRenderedPageBreak/>
        <w:drawing>
          <wp:inline distT="0" distB="0" distL="0" distR="0" wp14:anchorId="0A94CF4B" wp14:editId="14BC0E8C">
            <wp:extent cx="5760720" cy="4327525"/>
            <wp:effectExtent l="0" t="0" r="0" b="0"/>
            <wp:docPr id="7" name="Imag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3275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C07F72F" w14:textId="77779459" w:rsidR="00525D03" w:rsidRDefault="00525D03"/>
    <w:p w14:paraId="41830481" w14:textId="3875A6B2" w:rsidR="00525D03" w:rsidRDefault="00B5385D">
      <w:pPr>
        <w:rPr>
          <w:rFonts w:ascii="Courier New" w:hAnsi="Courier New" w:cs="Courier New"/>
          <w:b/>
          <w:bCs/>
          <w:sz w:val="16"/>
          <w:szCs w:val="16"/>
          <w:u w:val="single"/>
        </w:rPr>
      </w:pPr>
      <w:r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 xml:space="preserve">C </w:t>
      </w:r>
      <w:proofErr w:type="spellStart"/>
      <w:r w:rsidR="00525D03"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Preprocessor</w:t>
      </w:r>
      <w:proofErr w:type="spellEnd"/>
      <w:r w:rsidR="00525D03"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 xml:space="preserve"> </w:t>
      </w:r>
      <w:proofErr w:type="spellStart"/>
      <w:r w:rsidR="00525D03"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symbols</w:t>
      </w:r>
      <w:proofErr w:type="spellEnd"/>
      <w:r w:rsidR="00525D03"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 xml:space="preserve"> </w:t>
      </w:r>
      <w:proofErr w:type="spellStart"/>
      <w:r w:rsidR="00525D03"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define</w:t>
      </w:r>
      <w:proofErr w:type="spellEnd"/>
      <w:r w:rsidR="00525D03"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 :</w:t>
      </w:r>
    </w:p>
    <w:tbl>
      <w:tblPr>
        <w:tblStyle w:val="Grilledutableau"/>
        <w:tblW w:w="0" w:type="auto"/>
        <w:shd w:val="clear" w:color="auto" w:fill="D9D9D9" w:themeFill="background1" w:themeFillShade="D9"/>
        <w:tblLook w:val="04A0" w:firstRow="1" w:lastRow="0" w:firstColumn="1" w:lastColumn="0" w:noHBand="0" w:noVBand="1"/>
      </w:tblPr>
      <w:tblGrid>
        <w:gridCol w:w="10456"/>
      </w:tblGrid>
      <w:tr w:rsidR="009F3B43" w14:paraId="3E1AF8B3" w14:textId="77777777" w:rsidTr="00035A8E">
        <w:tc>
          <w:tcPr>
            <w:tcW w:w="10456" w:type="dxa"/>
            <w:shd w:val="clear" w:color="auto" w:fill="D9D9D9" w:themeFill="background1" w:themeFillShade="D9"/>
          </w:tcPr>
          <w:p w14:paraId="3D032A58" w14:textId="77777777" w:rsidR="009F3B43" w:rsidRPr="009F3B43" w:rsidRDefault="009F3B43" w:rsidP="009F3B43">
            <w:pPr>
              <w:rPr>
                <w:rFonts w:ascii="Courier New" w:hAnsi="Courier New" w:cs="Courier New"/>
                <w:b/>
                <w:bCs/>
                <w:sz w:val="16"/>
                <w:szCs w:val="16"/>
                <w:u w:val="single"/>
              </w:rPr>
            </w:pPr>
          </w:p>
          <w:p w14:paraId="3D7C49B6" w14:textId="77777777" w:rsidR="009F3B43" w:rsidRPr="00B5385D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B5385D">
              <w:rPr>
                <w:rFonts w:ascii="Courier New" w:hAnsi="Courier New" w:cs="Courier New"/>
                <w:sz w:val="16"/>
                <w:szCs w:val="16"/>
              </w:rPr>
              <w:t>BLE_STACK_SUPPORT_REQD __HEAP_SIZE=0 NRF51422 BOARD_PCA10028 S130 NRF_SD_BLE_API_VERSION=2 BSP_UART_SUPPORT NRF51 SOFTDEVICE_PRESENT SWI_DISABLE0</w:t>
            </w:r>
          </w:p>
          <w:p w14:paraId="0778BDEE" w14:textId="77777777" w:rsidR="009F3B43" w:rsidRDefault="009F3B43" w:rsidP="00035A8E">
            <w:pPr>
              <w:rPr>
                <w:rFonts w:ascii="Courier New" w:hAnsi="Courier New" w:cs="Courier New"/>
                <w:sz w:val="16"/>
                <w:szCs w:val="16"/>
              </w:rPr>
            </w:pPr>
          </w:p>
        </w:tc>
      </w:tr>
    </w:tbl>
    <w:p w14:paraId="4C9F5C19" w14:textId="77777777" w:rsidR="009F3B43" w:rsidRDefault="009F3B43" w:rsidP="00525D03">
      <w:pPr>
        <w:rPr>
          <w:rFonts w:ascii="Courier New" w:hAnsi="Courier New" w:cs="Courier New"/>
          <w:sz w:val="16"/>
          <w:szCs w:val="16"/>
        </w:rPr>
      </w:pPr>
    </w:p>
    <w:p w14:paraId="38173A92" w14:textId="23FB6EE4" w:rsidR="009F3B43" w:rsidRPr="009F3B43" w:rsidRDefault="00525D03" w:rsidP="009F3B43">
      <w:pPr>
        <w:rPr>
          <w:rFonts w:ascii="Courier New" w:hAnsi="Courier New" w:cs="Courier New"/>
          <w:b/>
          <w:bCs/>
          <w:sz w:val="16"/>
          <w:szCs w:val="16"/>
          <w:u w:val="single"/>
        </w:rPr>
      </w:pPr>
      <w:r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Compiler control string :</w:t>
      </w:r>
      <w:r w:rsidR="009F3B43"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 xml:space="preserve"> </w:t>
      </w:r>
    </w:p>
    <w:tbl>
      <w:tblPr>
        <w:tblStyle w:val="Grilledutableau"/>
        <w:tblW w:w="0" w:type="auto"/>
        <w:shd w:val="clear" w:color="auto" w:fill="D9D9D9" w:themeFill="background1" w:themeFillShade="D9"/>
        <w:tblLook w:val="04A0" w:firstRow="1" w:lastRow="0" w:firstColumn="1" w:lastColumn="0" w:noHBand="0" w:noVBand="1"/>
      </w:tblPr>
      <w:tblGrid>
        <w:gridCol w:w="10456"/>
      </w:tblGrid>
      <w:tr w:rsidR="009F3B43" w14:paraId="14EF5FFB" w14:textId="77777777" w:rsidTr="00035A8E">
        <w:tc>
          <w:tcPr>
            <w:tcW w:w="10456" w:type="dxa"/>
            <w:shd w:val="clear" w:color="auto" w:fill="D9D9D9" w:themeFill="background1" w:themeFillShade="D9"/>
          </w:tcPr>
          <w:p w14:paraId="3E148183" w14:textId="77777777" w:rsidR="009F3B43" w:rsidRPr="00525D03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525D03">
              <w:rPr>
                <w:rFonts w:ascii="Courier New" w:hAnsi="Courier New" w:cs="Courier New"/>
                <w:sz w:val="16"/>
                <w:szCs w:val="16"/>
              </w:rPr>
              <w:t>-c --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pu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Cortex-M0 -D__MICROLIB -g -O0 --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apc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=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interwork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-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split_section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config/ble_app_uart_c_pca10028_s130 -I ../../../config -I ../../../../../../components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advertising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db_discovery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dtm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racp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ancs_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ans_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ba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bas_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csc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cts_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dfu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di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gl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hid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hr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hrs_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ht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ia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ias_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lb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lbs_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ll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nu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nus_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rsc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rscs_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tp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ommon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nrf_ble_qwr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peer_manager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oard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evic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ad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lock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ommon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omp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elay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gpiot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hal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/i2s -I </w:t>
            </w:r>
            <w:r w:rsidRPr="00525D03">
              <w:rPr>
                <w:rFonts w:ascii="Courier New" w:hAnsi="Courier New" w:cs="Courier New"/>
                <w:sz w:val="16"/>
                <w:szCs w:val="16"/>
              </w:rPr>
              <w:lastRenderedPageBreak/>
              <w:t>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pcomp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pdm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power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ppi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pwm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qde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rng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rt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saad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spi_master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spi_slav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swi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timer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twi_master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twis_slav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art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wdt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sp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utton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rc16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rc32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sens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sense_drv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experimental_section_var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fds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fifo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fstorag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gpiot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hardfault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hci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ed_softblink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log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log/src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ow_power_pwm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mem_manager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pwm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queue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scheduler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slip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timer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twi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art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lass/audio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las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d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las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d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acm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las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hi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las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hi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generi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las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hi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k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las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hi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mouse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las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msc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config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util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softdevice/common/softdevice_handler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softdevic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s130/headers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softdevic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s130/headers/nrf51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toolchain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external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segger_rtt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config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oard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C:/Keil_v5/ARM/PACK/ARM/CMSIS/5.1.0/CMSIS/Include -I ../../../..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ibeaconscanner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le_nu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I ../../../../../../components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/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fstorag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-c99</w:t>
            </w:r>
          </w:p>
          <w:p w14:paraId="33B96266" w14:textId="77777777" w:rsidR="009F3B43" w:rsidRPr="00525D03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525D03">
              <w:rPr>
                <w:rFonts w:ascii="Courier New" w:hAnsi="Courier New" w:cs="Courier New"/>
                <w:sz w:val="16"/>
                <w:szCs w:val="16"/>
              </w:rPr>
              <w:t>-I./RTE/_nrf51422_xxac</w:t>
            </w:r>
          </w:p>
          <w:p w14:paraId="6A00AB6F" w14:textId="77777777" w:rsidR="009F3B43" w:rsidRPr="00525D03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525D03">
              <w:rPr>
                <w:rFonts w:ascii="Courier New" w:hAnsi="Courier New" w:cs="Courier New"/>
                <w:sz w:val="16"/>
                <w:szCs w:val="16"/>
              </w:rPr>
              <w:t>-I"C:/Users/Marc Landes/AppData/Local/Arm/Packs/ARM/CMSIS/5.5.1/CMSIS/Core/Include"</w:t>
            </w:r>
          </w:p>
          <w:p w14:paraId="36BDACFF" w14:textId="77777777" w:rsidR="009F3B43" w:rsidRPr="00525D03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525D03">
              <w:rPr>
                <w:rFonts w:ascii="Courier New" w:hAnsi="Courier New" w:cs="Courier New"/>
                <w:sz w:val="16"/>
                <w:szCs w:val="16"/>
              </w:rPr>
              <w:t>-I"C:/Users/Marc Landes/AppData/Local/Arm/Packs/NordicSemiconductor/nRF_DeviceFamilyPack/8.24.1/Device/Include"</w:t>
            </w:r>
          </w:p>
          <w:p w14:paraId="25A28D27" w14:textId="77777777" w:rsidR="009F3B43" w:rsidRPr="00525D03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525D03">
              <w:rPr>
                <w:rFonts w:ascii="Courier New" w:hAnsi="Courier New" w:cs="Courier New"/>
                <w:sz w:val="16"/>
                <w:szCs w:val="16"/>
              </w:rPr>
              <w:t>-D__UVISION_VERSION="527" -D_RTE_ -DNRF51 -DBLE_STACK_SUPPORT_REQD -D__HEAP_SIZE="0" -DNRF51422 -DBOARD_PCA10028 -DS130 -DNRF_SD_BLE_API_VERSION="2" -DBSP_UART_SUPPORT -DNRF51 -DSOFTDEVICE_PRESENT -DSWI_DISABLE0</w:t>
            </w:r>
          </w:p>
          <w:p w14:paraId="680DD4D3" w14:textId="77777777" w:rsidR="009F3B43" w:rsidRPr="00525D03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525D03">
              <w:rPr>
                <w:rFonts w:ascii="Courier New" w:hAnsi="Courier New" w:cs="Courier New"/>
                <w:sz w:val="16"/>
                <w:szCs w:val="16"/>
              </w:rPr>
              <w:t>-</w:t>
            </w:r>
            <w:proofErr w:type="gramStart"/>
            <w:r w:rsidRPr="00525D03">
              <w:rPr>
                <w:rFonts w:ascii="Courier New" w:hAnsi="Courier New" w:cs="Courier New"/>
                <w:sz w:val="16"/>
                <w:szCs w:val="16"/>
              </w:rPr>
              <w:t>o .</w:t>
            </w:r>
            <w:proofErr w:type="gramEnd"/>
            <w:r w:rsidRPr="00525D03">
              <w:rPr>
                <w:rFonts w:ascii="Courier New" w:hAnsi="Courier New" w:cs="Courier New"/>
                <w:sz w:val="16"/>
                <w:szCs w:val="16"/>
              </w:rPr>
              <w:t>\_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uil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\*.o --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omf_browse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.\_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uil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\*.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crf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--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depen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 xml:space="preserve"> .\_</w:t>
            </w:r>
            <w:proofErr w:type="spellStart"/>
            <w:r w:rsidRPr="00525D03">
              <w:rPr>
                <w:rFonts w:ascii="Courier New" w:hAnsi="Courier New" w:cs="Courier New"/>
                <w:sz w:val="16"/>
                <w:szCs w:val="16"/>
              </w:rPr>
              <w:t>build</w:t>
            </w:r>
            <w:proofErr w:type="spellEnd"/>
            <w:r w:rsidRPr="00525D03">
              <w:rPr>
                <w:rFonts w:ascii="Courier New" w:hAnsi="Courier New" w:cs="Courier New"/>
                <w:sz w:val="16"/>
                <w:szCs w:val="16"/>
              </w:rPr>
              <w:t>\*.d</w:t>
            </w:r>
          </w:p>
          <w:p w14:paraId="6E2ED006" w14:textId="77777777" w:rsidR="009F3B43" w:rsidRDefault="009F3B43" w:rsidP="00035A8E">
            <w:pPr>
              <w:rPr>
                <w:rFonts w:ascii="Courier New" w:hAnsi="Courier New" w:cs="Courier New"/>
                <w:sz w:val="16"/>
                <w:szCs w:val="16"/>
              </w:rPr>
            </w:pPr>
          </w:p>
        </w:tc>
      </w:tr>
    </w:tbl>
    <w:p w14:paraId="2E561BCF" w14:textId="77777777" w:rsidR="009F3B43" w:rsidRDefault="009F3B43" w:rsidP="009F3B43">
      <w:pPr>
        <w:rPr>
          <w:rFonts w:ascii="Courier New" w:hAnsi="Courier New" w:cs="Courier New"/>
          <w:b/>
          <w:bCs/>
          <w:sz w:val="16"/>
          <w:szCs w:val="16"/>
          <w:u w:val="single"/>
        </w:rPr>
      </w:pPr>
    </w:p>
    <w:p w14:paraId="1FA14830" w14:textId="75AAA3AD" w:rsidR="009F3B43" w:rsidRPr="009F3B43" w:rsidRDefault="00B5385D" w:rsidP="009F3B43">
      <w:pPr>
        <w:rPr>
          <w:rFonts w:ascii="Courier New" w:hAnsi="Courier New" w:cs="Courier New"/>
          <w:b/>
          <w:bCs/>
          <w:sz w:val="16"/>
          <w:szCs w:val="16"/>
          <w:u w:val="single"/>
        </w:rPr>
      </w:pPr>
      <w:proofErr w:type="spellStart"/>
      <w:r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Asm</w:t>
      </w:r>
      <w:proofErr w:type="spellEnd"/>
      <w:r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 xml:space="preserve"> </w:t>
      </w:r>
      <w:proofErr w:type="spellStart"/>
      <w:r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misc</w:t>
      </w:r>
      <w:proofErr w:type="spellEnd"/>
      <w:r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 xml:space="preserve"> </w:t>
      </w:r>
      <w:proofErr w:type="spellStart"/>
      <w:r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controls</w:t>
      </w:r>
      <w:proofErr w:type="spellEnd"/>
      <w:r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 :</w:t>
      </w:r>
      <w:r w:rsidR="009F3B43"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 xml:space="preserve"> </w:t>
      </w:r>
    </w:p>
    <w:tbl>
      <w:tblPr>
        <w:tblStyle w:val="Grilledutableau"/>
        <w:tblW w:w="0" w:type="auto"/>
        <w:shd w:val="clear" w:color="auto" w:fill="D9D9D9" w:themeFill="background1" w:themeFillShade="D9"/>
        <w:tblLook w:val="04A0" w:firstRow="1" w:lastRow="0" w:firstColumn="1" w:lastColumn="0" w:noHBand="0" w:noVBand="1"/>
      </w:tblPr>
      <w:tblGrid>
        <w:gridCol w:w="10456"/>
      </w:tblGrid>
      <w:tr w:rsidR="009F3B43" w14:paraId="04AF42D2" w14:textId="77777777" w:rsidTr="00035A8E">
        <w:tc>
          <w:tcPr>
            <w:tcW w:w="10456" w:type="dxa"/>
            <w:shd w:val="clear" w:color="auto" w:fill="D9D9D9" w:themeFill="background1" w:themeFillShade="D9"/>
          </w:tcPr>
          <w:p w14:paraId="3729F8B0" w14:textId="77777777" w:rsidR="009F3B43" w:rsidRPr="00B5385D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B5385D">
              <w:rPr>
                <w:rFonts w:ascii="Courier New" w:hAnsi="Courier New" w:cs="Courier New"/>
                <w:sz w:val="16"/>
                <w:szCs w:val="16"/>
              </w:rPr>
              <w:t>--cpreproc_opts=-DBLE_STACK_SUPPORT_</w:t>
            </w:r>
            <w:proofErr w:type="gramStart"/>
            <w:r w:rsidRPr="00B5385D">
              <w:rPr>
                <w:rFonts w:ascii="Courier New" w:hAnsi="Courier New" w:cs="Courier New"/>
                <w:sz w:val="16"/>
                <w:szCs w:val="16"/>
              </w:rPr>
              <w:t>REQD,-</w:t>
            </w:r>
            <w:proofErr w:type="gramEnd"/>
            <w:r w:rsidRPr="00B5385D">
              <w:rPr>
                <w:rFonts w:ascii="Courier New" w:hAnsi="Courier New" w:cs="Courier New"/>
                <w:sz w:val="16"/>
                <w:szCs w:val="16"/>
              </w:rPr>
              <w:t>D__HEAP_SIZE=0,-DNRF51422,-DBOARD_PCA10028,-DS130,-DNRF_SD_BLE_API_VERSION=2,-DBSP_UART_SUPPORT,-DNRF51,-DSOFTDEVICE_PRESENT,-DSWI_DISABLE0</w:t>
            </w:r>
          </w:p>
          <w:p w14:paraId="095B0A85" w14:textId="77777777" w:rsidR="009F3B43" w:rsidRDefault="009F3B43" w:rsidP="00035A8E">
            <w:pPr>
              <w:rPr>
                <w:rFonts w:ascii="Courier New" w:hAnsi="Courier New" w:cs="Courier New"/>
                <w:sz w:val="16"/>
                <w:szCs w:val="16"/>
              </w:rPr>
            </w:pPr>
          </w:p>
        </w:tc>
      </w:tr>
    </w:tbl>
    <w:p w14:paraId="52A33619" w14:textId="77777777" w:rsidR="009F3B43" w:rsidRPr="00B5385D" w:rsidRDefault="009F3B43" w:rsidP="009F3B43">
      <w:pPr>
        <w:rPr>
          <w:rFonts w:ascii="Courier New" w:hAnsi="Courier New" w:cs="Courier New"/>
          <w:sz w:val="16"/>
          <w:szCs w:val="16"/>
        </w:rPr>
      </w:pPr>
    </w:p>
    <w:p w14:paraId="29BDCF04" w14:textId="23960122" w:rsidR="00B5385D" w:rsidRPr="009F3B43" w:rsidRDefault="00B5385D">
      <w:pPr>
        <w:rPr>
          <w:rFonts w:ascii="Courier New" w:hAnsi="Courier New" w:cs="Courier New"/>
          <w:b/>
          <w:bCs/>
          <w:sz w:val="16"/>
          <w:szCs w:val="16"/>
          <w:u w:val="single"/>
        </w:rPr>
      </w:pPr>
      <w:r w:rsidRPr="009F3B43">
        <w:rPr>
          <w:rFonts w:ascii="Courier New" w:hAnsi="Courier New" w:cs="Courier New"/>
          <w:b/>
          <w:bCs/>
          <w:sz w:val="16"/>
          <w:szCs w:val="16"/>
          <w:u w:val="single"/>
        </w:rPr>
        <w:t>Assembler control string :</w:t>
      </w:r>
    </w:p>
    <w:tbl>
      <w:tblPr>
        <w:tblStyle w:val="Grilledutableau"/>
        <w:tblW w:w="0" w:type="auto"/>
        <w:shd w:val="clear" w:color="auto" w:fill="D9D9D9" w:themeFill="background1" w:themeFillShade="D9"/>
        <w:tblLook w:val="04A0" w:firstRow="1" w:lastRow="0" w:firstColumn="1" w:lastColumn="0" w:noHBand="0" w:noVBand="1"/>
      </w:tblPr>
      <w:tblGrid>
        <w:gridCol w:w="10456"/>
      </w:tblGrid>
      <w:tr w:rsidR="009F3B43" w14:paraId="2ACD3CF5" w14:textId="77777777" w:rsidTr="009F3B43">
        <w:tc>
          <w:tcPr>
            <w:tcW w:w="10456" w:type="dxa"/>
            <w:shd w:val="clear" w:color="auto" w:fill="D9D9D9" w:themeFill="background1" w:themeFillShade="D9"/>
          </w:tcPr>
          <w:p w14:paraId="1A99989E" w14:textId="77777777" w:rsidR="009F3B43" w:rsidRPr="00B5385D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B5385D">
              <w:rPr>
                <w:rFonts w:ascii="Courier New" w:hAnsi="Courier New" w:cs="Courier New"/>
                <w:sz w:val="16"/>
                <w:szCs w:val="16"/>
              </w:rPr>
              <w:t>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cpu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Cortex-M0 -g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apc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=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interwork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__MICROLIB SETA 1" -I ..\..\..\config\ble_app_uart_c_pca10028_s130 -I ..\..\..\config -I ..\..\..\..\..\..\components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advertising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db_discovery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dtm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racp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ancs_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ans_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ba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bas_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csc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cts_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dfu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di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gl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hid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hr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hrs_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ht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ia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ias_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lb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lbs_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ll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nu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nus_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rsc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rscs_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</w:t>
            </w:r>
            <w:r w:rsidRPr="00B5385D">
              <w:rPr>
                <w:rFonts w:ascii="Courier New" w:hAnsi="Courier New" w:cs="Courier New"/>
                <w:sz w:val="16"/>
                <w:szCs w:val="16"/>
              </w:rPr>
              <w:lastRenderedPageBreak/>
              <w:t>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servic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_tp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common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nrf_ble_qwr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l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eer_manager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oard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evic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ad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clock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common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comp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elay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gpiot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hal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i2s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pcomp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m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power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pi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wm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qde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rng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rt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saad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spi_master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spi_slav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swi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timer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twi_master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twis_slav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art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rivers_nr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wdt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sp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utton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rc16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rc32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csens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csense_drv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experimental_section_var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fds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fifo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fstorag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gpiot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hardfault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hci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ed_softblink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log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log\src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ow_power_pwm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mem_manager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wm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queue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scheduler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slip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timer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twi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art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lass\audio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las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cd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las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cd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acm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las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hi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las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hi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generi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las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hi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k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las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hi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mouse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las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msc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sb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config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braries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util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components\softdevice\common\softdevice_handler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softdevic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s130\headers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softdevice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s130\headers\nrf51 -I ..\..\..\..\..\..\components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toolchain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..\..\..\..\..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external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segger_rtt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I ..\config  --cpreproc_opts=-DBLE_STACK_SUPPORT_REQD,-D__HEAP_SIZE=0,-DNRF51422,-DBOARD_PCA10028,-DS130,-DNRF_SD_BLE_API_VERSION=2,-DBSP_UART_SUPPORT,-DNRF51,-DSOFTDEVICE_PRESENT,-DSWI_DISABLE0 </w:t>
            </w:r>
          </w:p>
          <w:p w14:paraId="1180AD2F" w14:textId="77777777" w:rsidR="009F3B43" w:rsidRPr="00B5385D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B5385D">
              <w:rPr>
                <w:rFonts w:ascii="Courier New" w:hAnsi="Courier New" w:cs="Courier New"/>
                <w:sz w:val="16"/>
                <w:szCs w:val="16"/>
              </w:rPr>
              <w:t>-</w:t>
            </w:r>
            <w:proofErr w:type="gramStart"/>
            <w:r w:rsidRPr="00B5385D">
              <w:rPr>
                <w:rFonts w:ascii="Courier New" w:hAnsi="Courier New" w:cs="Courier New"/>
                <w:sz w:val="16"/>
                <w:szCs w:val="16"/>
              </w:rPr>
              <w:t>I .</w:t>
            </w:r>
            <w:proofErr w:type="gram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\RTE\_nrf51422_xxac </w:t>
            </w:r>
          </w:p>
          <w:p w14:paraId="10809801" w14:textId="77777777" w:rsidR="009F3B43" w:rsidRPr="00B5385D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-I "C:\Users\Marc Landes\AppData\Local\Arm\Packs\ARM\CMSIS\5.5.1\CMSIS\Core\Include" </w:t>
            </w:r>
          </w:p>
          <w:p w14:paraId="30540D1F" w14:textId="77777777" w:rsidR="009F3B43" w:rsidRPr="00B5385D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-I "C:\Users\Marc Landes\AppData\Local\Arm\Packs\NordicSemiconductor\nRF_DeviceFamilyPack\8.24.1\Device\Include" </w:t>
            </w:r>
          </w:p>
          <w:p w14:paraId="23881EED" w14:textId="77777777" w:rsidR="009F3B43" w:rsidRDefault="009F3B43" w:rsidP="009F3B43">
            <w:pPr>
              <w:rPr>
                <w:rFonts w:ascii="Courier New" w:hAnsi="Courier New" w:cs="Courier New"/>
                <w:sz w:val="16"/>
                <w:szCs w:val="16"/>
              </w:rPr>
            </w:pPr>
            <w:r w:rsidRPr="00B5385D">
              <w:rPr>
                <w:rFonts w:ascii="Courier New" w:hAnsi="Courier New" w:cs="Courier New"/>
                <w:sz w:val="16"/>
                <w:szCs w:val="16"/>
              </w:rPr>
              <w:t>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__UVISION_VERSION SETA 527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_RTE_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NRF51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BLE_STACK_SUPPORT_REQD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__HEAP_SIZE SETA 0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NRF51422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BOARD_PCA10028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S130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NRF_SD_BLE_API_VERSION SETA 2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BSP_UART_SUPPORT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NRF51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SOFTDEVICE_PRESENT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p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SWI_DISABLE0 SETA 1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ist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.\_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buil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\*.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lst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>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xref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-o "*.o" --</w:t>
            </w:r>
            <w:proofErr w:type="spellStart"/>
            <w:r w:rsidRPr="00B5385D">
              <w:rPr>
                <w:rFonts w:ascii="Courier New" w:hAnsi="Courier New" w:cs="Courier New"/>
                <w:sz w:val="16"/>
                <w:szCs w:val="16"/>
              </w:rPr>
              <w:t>depend</w:t>
            </w:r>
            <w:proofErr w:type="spellEnd"/>
            <w:r w:rsidRPr="00B5385D">
              <w:rPr>
                <w:rFonts w:ascii="Courier New" w:hAnsi="Courier New" w:cs="Courier New"/>
                <w:sz w:val="16"/>
                <w:szCs w:val="16"/>
              </w:rPr>
              <w:t xml:space="preserve"> "*.d"</w:t>
            </w:r>
          </w:p>
          <w:p w14:paraId="5FDFE125" w14:textId="77777777" w:rsidR="009F3B43" w:rsidRDefault="009F3B43">
            <w:pPr>
              <w:rPr>
                <w:rFonts w:ascii="Courier New" w:hAnsi="Courier New" w:cs="Courier New"/>
                <w:sz w:val="16"/>
                <w:szCs w:val="16"/>
              </w:rPr>
            </w:pPr>
          </w:p>
        </w:tc>
      </w:tr>
    </w:tbl>
    <w:p w14:paraId="4CB62E72" w14:textId="0420B4FE" w:rsidR="00B5385D" w:rsidRPr="00B5385D" w:rsidRDefault="00B5385D">
      <w:pPr>
        <w:rPr>
          <w:rFonts w:ascii="Courier New" w:hAnsi="Courier New" w:cs="Courier New"/>
          <w:sz w:val="16"/>
          <w:szCs w:val="16"/>
        </w:rPr>
      </w:pPr>
    </w:p>
    <w:p w14:paraId="2FDD6075" w14:textId="5ACA2891" w:rsidR="00B5385D" w:rsidRDefault="00B5385D" w:rsidP="00B5385D">
      <w:pPr>
        <w:rPr>
          <w:rFonts w:ascii="Courier New" w:hAnsi="Courier New" w:cs="Courier New"/>
          <w:sz w:val="16"/>
          <w:szCs w:val="16"/>
        </w:rPr>
      </w:pPr>
    </w:p>
    <w:p w14:paraId="18832822" w14:textId="7AA75194" w:rsidR="00B5385D" w:rsidRDefault="00B5385D" w:rsidP="00B5385D">
      <w:pPr>
        <w:rPr>
          <w:rFonts w:ascii="Courier New" w:hAnsi="Courier New" w:cs="Courier New"/>
          <w:sz w:val="16"/>
          <w:szCs w:val="16"/>
        </w:rPr>
      </w:pPr>
    </w:p>
    <w:p w14:paraId="7FF18190" w14:textId="6F04799B" w:rsidR="00B5385D" w:rsidRDefault="00B5385D" w:rsidP="00B5385D">
      <w:pPr>
        <w:rPr>
          <w:rFonts w:ascii="Courier New" w:hAnsi="Courier New" w:cs="Courier New"/>
          <w:sz w:val="16"/>
          <w:szCs w:val="16"/>
        </w:rPr>
      </w:pPr>
    </w:p>
    <w:p w14:paraId="19BA18BC" w14:textId="77777777" w:rsidR="00B5385D" w:rsidRPr="00B5385D" w:rsidRDefault="00B5385D" w:rsidP="00B5385D">
      <w:pPr>
        <w:rPr>
          <w:rFonts w:ascii="Courier New" w:hAnsi="Courier New" w:cs="Courier New"/>
          <w:sz w:val="16"/>
          <w:szCs w:val="16"/>
        </w:rPr>
      </w:pPr>
    </w:p>
    <w:p w14:paraId="3BE5942D" w14:textId="77777777" w:rsidR="00525D03" w:rsidRPr="00B5385D" w:rsidRDefault="00525D03">
      <w:pPr>
        <w:rPr>
          <w:rFonts w:ascii="Courier New" w:hAnsi="Courier New" w:cs="Courier New"/>
          <w:sz w:val="16"/>
          <w:szCs w:val="16"/>
        </w:rPr>
      </w:pPr>
    </w:p>
    <w:p w14:paraId="09B3400D" w14:textId="57E10D4D" w:rsidR="00525D03" w:rsidRDefault="00525D03">
      <w:r>
        <w:rPr>
          <w:noProof/>
        </w:rPr>
        <w:lastRenderedPageBreak/>
        <w:drawing>
          <wp:inline distT="0" distB="0" distL="0" distR="0" wp14:anchorId="0222AA92" wp14:editId="53CF6EF8">
            <wp:extent cx="5760720" cy="4357370"/>
            <wp:effectExtent l="0" t="0" r="0" b="5080"/>
            <wp:docPr id="8" name="Imag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3573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FC82606" w14:textId="51869FDF" w:rsidR="00525D03" w:rsidRDefault="00525D03">
      <w:r>
        <w:rPr>
          <w:noProof/>
        </w:rPr>
        <w:drawing>
          <wp:inline distT="0" distB="0" distL="0" distR="0" wp14:anchorId="694BEDA6" wp14:editId="67042F1A">
            <wp:extent cx="5760720" cy="4334510"/>
            <wp:effectExtent l="0" t="0" r="0" b="8890"/>
            <wp:docPr id="9" name="Imag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3345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4B003A8" w14:textId="57FA70DC" w:rsidR="009F3B43" w:rsidRDefault="009F3B43">
      <w:r>
        <w:br w:type="page"/>
      </w:r>
    </w:p>
    <w:p w14:paraId="52D9D1E2" w14:textId="5B52DFBA" w:rsidR="009F3B43" w:rsidRPr="009F3B43" w:rsidRDefault="009F3B43">
      <w:pPr>
        <w:rPr>
          <w:b/>
          <w:bCs/>
          <w:u w:val="single"/>
        </w:rPr>
      </w:pPr>
      <w:proofErr w:type="spellStart"/>
      <w:r w:rsidRPr="009F3B43">
        <w:rPr>
          <w:b/>
          <w:bCs/>
          <w:u w:val="single"/>
        </w:rPr>
        <w:lastRenderedPageBreak/>
        <w:t>Scanner.sct</w:t>
      </w:r>
      <w:proofErr w:type="spellEnd"/>
      <w:r w:rsidRPr="009F3B43">
        <w:rPr>
          <w:b/>
          <w:bCs/>
          <w:u w:val="single"/>
        </w:rPr>
        <w:t> :</w:t>
      </w:r>
    </w:p>
    <w:tbl>
      <w:tblPr>
        <w:tblStyle w:val="Grilledutableau"/>
        <w:tblW w:w="0" w:type="auto"/>
        <w:shd w:val="clear" w:color="auto" w:fill="D9D9D9" w:themeFill="background1" w:themeFillShade="D9"/>
        <w:tblLook w:val="04A0" w:firstRow="1" w:lastRow="0" w:firstColumn="1" w:lastColumn="0" w:noHBand="0" w:noVBand="1"/>
      </w:tblPr>
      <w:tblGrid>
        <w:gridCol w:w="10456"/>
      </w:tblGrid>
      <w:tr w:rsidR="009F3B43" w14:paraId="240DAFD1" w14:textId="77777777" w:rsidTr="009F3B43">
        <w:tc>
          <w:tcPr>
            <w:tcW w:w="10456" w:type="dxa"/>
            <w:shd w:val="clear" w:color="auto" w:fill="D9D9D9" w:themeFill="background1" w:themeFillShade="D9"/>
          </w:tcPr>
          <w:p w14:paraId="4D503568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>; *************************************************************</w:t>
            </w:r>
          </w:p>
          <w:p w14:paraId="191DC707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; ***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Scatter-Loading</w:t>
            </w:r>
            <w:proofErr w:type="spell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Description File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generated</w:t>
            </w:r>
            <w:proofErr w:type="spell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by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uVision</w:t>
            </w:r>
            <w:proofErr w:type="spell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***</w:t>
            </w:r>
          </w:p>
          <w:p w14:paraId="26690EC4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>; *************************************************************</w:t>
            </w:r>
          </w:p>
          <w:p w14:paraId="27684A06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</w:p>
          <w:p w14:paraId="66EC9355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>LR_IROM1 0x0001B000 0x</w:t>
            </w:r>
            <w:proofErr w:type="gramStart"/>
            <w:r w:rsidRPr="009F3B43">
              <w:rPr>
                <w:rFonts w:ascii="Courier New" w:hAnsi="Courier New" w:cs="Courier New"/>
                <w:sz w:val="20"/>
                <w:szCs w:val="20"/>
              </w:rPr>
              <w:t>00025000  {</w:t>
            </w:r>
            <w:proofErr w:type="gram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  ;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load</w:t>
            </w:r>
            <w:proofErr w:type="spell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region</w:t>
            </w:r>
            <w:proofErr w:type="spell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size_region</w:t>
            </w:r>
            <w:proofErr w:type="spellEnd"/>
          </w:p>
          <w:p w14:paraId="1CDD04D7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ER_IROM1 0x0001B000 0x</w:t>
            </w:r>
            <w:proofErr w:type="gramStart"/>
            <w:r w:rsidRPr="009F3B43">
              <w:rPr>
                <w:rFonts w:ascii="Courier New" w:hAnsi="Courier New" w:cs="Courier New"/>
                <w:sz w:val="20"/>
                <w:szCs w:val="20"/>
              </w:rPr>
              <w:t>00025000  {</w:t>
            </w:r>
            <w:proofErr w:type="gram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;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load</w:t>
            </w:r>
            <w:proofErr w:type="spell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address</w:t>
            </w:r>
            <w:proofErr w:type="spell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=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execution</w:t>
            </w:r>
            <w:proofErr w:type="spell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address</w:t>
            </w:r>
            <w:proofErr w:type="spellEnd"/>
          </w:p>
          <w:p w14:paraId="660F613A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 </w:t>
            </w:r>
            <w:proofErr w:type="gramStart"/>
            <w:r w:rsidRPr="009F3B43">
              <w:rPr>
                <w:rFonts w:ascii="Courier New" w:hAnsi="Courier New" w:cs="Courier New"/>
                <w:sz w:val="20"/>
                <w:szCs w:val="20"/>
              </w:rPr>
              <w:t>*.o</w:t>
            </w:r>
            <w:proofErr w:type="gram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(RESET, +First)</w:t>
            </w:r>
          </w:p>
          <w:p w14:paraId="7711E5F4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 *(</w:t>
            </w:r>
            <w:proofErr w:type="spellStart"/>
            <w:r w:rsidRPr="009F3B43">
              <w:rPr>
                <w:rFonts w:ascii="Courier New" w:hAnsi="Courier New" w:cs="Courier New"/>
                <w:sz w:val="20"/>
                <w:szCs w:val="20"/>
              </w:rPr>
              <w:t>InRoot</w:t>
            </w:r>
            <w:proofErr w:type="spellEnd"/>
            <w:r w:rsidRPr="009F3B43">
              <w:rPr>
                <w:rFonts w:ascii="Courier New" w:hAnsi="Courier New" w:cs="Courier New"/>
                <w:sz w:val="20"/>
                <w:szCs w:val="20"/>
              </w:rPr>
              <w:t>$$Sections)</w:t>
            </w:r>
          </w:p>
          <w:p w14:paraId="04AFB376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 </w:t>
            </w:r>
            <w:proofErr w:type="gramStart"/>
            <w:r w:rsidRPr="009F3B43">
              <w:rPr>
                <w:rFonts w:ascii="Courier New" w:hAnsi="Courier New" w:cs="Courier New"/>
                <w:sz w:val="20"/>
                <w:szCs w:val="20"/>
              </w:rPr>
              <w:t>.ANY</w:t>
            </w:r>
            <w:proofErr w:type="gram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(+RO)</w:t>
            </w:r>
          </w:p>
          <w:p w14:paraId="6384660B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 </w:t>
            </w:r>
            <w:proofErr w:type="gramStart"/>
            <w:r w:rsidRPr="009F3B43">
              <w:rPr>
                <w:rFonts w:ascii="Courier New" w:hAnsi="Courier New" w:cs="Courier New"/>
                <w:sz w:val="20"/>
                <w:szCs w:val="20"/>
              </w:rPr>
              <w:t>.ANY</w:t>
            </w:r>
            <w:proofErr w:type="gram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(+XO)</w:t>
            </w:r>
          </w:p>
          <w:p w14:paraId="694BAC54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}</w:t>
            </w:r>
          </w:p>
          <w:p w14:paraId="171F07C8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RW_IRAM1 0x20002000 0x</w:t>
            </w:r>
            <w:proofErr w:type="gramStart"/>
            <w:r w:rsidRPr="009F3B43">
              <w:rPr>
                <w:rFonts w:ascii="Courier New" w:hAnsi="Courier New" w:cs="Courier New"/>
                <w:sz w:val="20"/>
                <w:szCs w:val="20"/>
              </w:rPr>
              <w:t>00002000  {</w:t>
            </w:r>
            <w:proofErr w:type="gram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; RW data</w:t>
            </w:r>
          </w:p>
          <w:p w14:paraId="1C7A4166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 </w:t>
            </w:r>
            <w:proofErr w:type="gramStart"/>
            <w:r w:rsidRPr="009F3B43">
              <w:rPr>
                <w:rFonts w:ascii="Courier New" w:hAnsi="Courier New" w:cs="Courier New"/>
                <w:sz w:val="20"/>
                <w:szCs w:val="20"/>
              </w:rPr>
              <w:t>.ANY</w:t>
            </w:r>
            <w:proofErr w:type="gramEnd"/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(+RW +ZI)</w:t>
            </w:r>
          </w:p>
          <w:p w14:paraId="192BB34F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 xml:space="preserve">  }</w:t>
            </w:r>
          </w:p>
          <w:p w14:paraId="3C8A9B97" w14:textId="77777777" w:rsidR="009F3B43" w:rsidRPr="009F3B43" w:rsidRDefault="009F3B43" w:rsidP="009F3B43">
            <w:pPr>
              <w:rPr>
                <w:rFonts w:ascii="Courier New" w:hAnsi="Courier New" w:cs="Courier New"/>
                <w:sz w:val="20"/>
                <w:szCs w:val="20"/>
              </w:rPr>
            </w:pPr>
            <w:r w:rsidRPr="009F3B43">
              <w:rPr>
                <w:rFonts w:ascii="Courier New" w:hAnsi="Courier New" w:cs="Courier New"/>
                <w:sz w:val="20"/>
                <w:szCs w:val="20"/>
              </w:rPr>
              <w:t>}</w:t>
            </w:r>
          </w:p>
          <w:p w14:paraId="1E4A50E2" w14:textId="77777777" w:rsidR="009F3B43" w:rsidRDefault="009F3B43">
            <w:pPr>
              <w:rPr>
                <w:rFonts w:ascii="Courier New" w:hAnsi="Courier New" w:cs="Courier New"/>
                <w:sz w:val="20"/>
                <w:szCs w:val="20"/>
              </w:rPr>
            </w:pPr>
          </w:p>
        </w:tc>
      </w:tr>
    </w:tbl>
    <w:p w14:paraId="395FD84A" w14:textId="77777777" w:rsidR="009F3B43" w:rsidRPr="009F3B43" w:rsidRDefault="009F3B43">
      <w:pPr>
        <w:rPr>
          <w:rFonts w:ascii="Courier New" w:hAnsi="Courier New" w:cs="Courier New"/>
          <w:sz w:val="20"/>
          <w:szCs w:val="20"/>
        </w:rPr>
      </w:pPr>
    </w:p>
    <w:p w14:paraId="3DC89F48" w14:textId="0955BDD2" w:rsidR="009F3B43" w:rsidRDefault="009F3B43">
      <w:r>
        <w:br w:type="page"/>
      </w:r>
    </w:p>
    <w:p w14:paraId="37EB5EE7" w14:textId="77777777" w:rsidR="00B5385D" w:rsidRDefault="00B5385D"/>
    <w:p w14:paraId="28157F2A" w14:textId="4B2B70AB" w:rsidR="00B5385D" w:rsidRDefault="00B5385D">
      <w:r>
        <w:rPr>
          <w:noProof/>
        </w:rPr>
        <w:drawing>
          <wp:inline distT="0" distB="0" distL="0" distR="0" wp14:anchorId="1232EE15" wp14:editId="7410FF9F">
            <wp:extent cx="6543675" cy="6674346"/>
            <wp:effectExtent l="0" t="0" r="0" b="0"/>
            <wp:docPr id="17" name="Imag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6564967" cy="66960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8E3E57" w14:textId="77777777" w:rsidR="009F3B43" w:rsidRDefault="009F3B43"/>
    <w:sectPr w:rsidR="009F3B43" w:rsidSect="00525D03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compat>
    <w:applyBreakingRules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25D03"/>
    <w:rsid w:val="00176516"/>
    <w:rsid w:val="00525D03"/>
    <w:rsid w:val="009F3B43"/>
    <w:rsid w:val="00B5385D"/>
    <w:rsid w:val="00BF77D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1688D5C"/>
  <w15:chartTrackingRefBased/>
  <w15:docId w15:val="{3665C5CB-50F4-4100-AB8C-C10D3A4F82C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table" w:styleId="Grilledutableau">
    <w:name w:val="Table Grid"/>
    <w:basedOn w:val="TableauNormal"/>
    <w:uiPriority w:val="39"/>
    <w:rsid w:val="009F3B4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png"/><Relationship Id="rId13" Type="http://schemas.openxmlformats.org/officeDocument/2006/relationships/image" Target="media/image10.png"/><Relationship Id="rId3" Type="http://schemas.openxmlformats.org/officeDocument/2006/relationships/webSettings" Target="webSettings.xml"/><Relationship Id="rId7" Type="http://schemas.openxmlformats.org/officeDocument/2006/relationships/image" Target="media/image4.png"/><Relationship Id="rId12" Type="http://schemas.openxmlformats.org/officeDocument/2006/relationships/image" Target="media/image9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11" Type="http://schemas.openxmlformats.org/officeDocument/2006/relationships/image" Target="media/image8.png"/><Relationship Id="rId5" Type="http://schemas.openxmlformats.org/officeDocument/2006/relationships/image" Target="media/image2.png"/><Relationship Id="rId15" Type="http://schemas.openxmlformats.org/officeDocument/2006/relationships/theme" Target="theme/theme1.xml"/><Relationship Id="rId10" Type="http://schemas.openxmlformats.org/officeDocument/2006/relationships/image" Target="media/image7.png"/><Relationship Id="rId4" Type="http://schemas.openxmlformats.org/officeDocument/2006/relationships/image" Target="media/image1.png"/><Relationship Id="rId9" Type="http://schemas.openxmlformats.org/officeDocument/2006/relationships/image" Target="media/image6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390</TotalTime>
  <Pages>9</Pages>
  <Words>2040</Words>
  <Characters>11225</Characters>
  <Application>Microsoft Office Word</Application>
  <DocSecurity>0</DocSecurity>
  <Lines>93</Lines>
  <Paragraphs>26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23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c Landes</dc:creator>
  <cp:keywords/>
  <dc:description/>
  <cp:lastModifiedBy>Marc Landes</cp:lastModifiedBy>
  <cp:revision>1</cp:revision>
  <dcterms:created xsi:type="dcterms:W3CDTF">2020-03-18T09:16:00Z</dcterms:created>
  <dcterms:modified xsi:type="dcterms:W3CDTF">2020-03-19T08:26:00Z</dcterms:modified>
</cp:coreProperties>
</file>